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tables/table1.xml" ContentType="application/vnd.openxmlformats-officedocument.spreadsheetml.table+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526"/>
  <workbookPr filterPrivacy="1"/>
  <xr:revisionPtr revIDLastSave="109" documentId="8_{800DA497-77BA-4442-896B-882F18326FD7}" xr6:coauthVersionLast="47" xr6:coauthVersionMax="47" xr10:uidLastSave="{DDA92462-758E-48C4-8928-F04E480C675F}"/>
  <bookViews>
    <workbookView xWindow="28680" yWindow="-120" windowWidth="29040" windowHeight="15720" xr2:uid="{00000000-000D-0000-FFFF-FFFF00000000}"/>
  </bookViews>
  <sheets>
    <sheet name="Sheet1" sheetId="1" r:id="rId1"/>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240" uniqueCount="209">
  <si>
    <t>Vraag Erasmus MC</t>
  </si>
  <si>
    <t>Vraag Leverancier</t>
  </si>
  <si>
    <t>Reactie</t>
  </si>
  <si>
    <r>
      <t>“Is het mogelijk om brondata van het Erasmus MC zoals telefoonlijsten, hygiëne voorschriften/protocollen zelf, handmatig of geautomatiseerd, aan te passen?</t>
    </r>
    <r>
      <rPr>
        <sz val="8"/>
        <color rgb="FF191614"/>
        <rFont val="Arial"/>
        <family val="2"/>
      </rPr>
      <t> “</t>
    </r>
  </si>
  <si>
    <t>Over welke toepassingenen van het MMS gaat deze vraag? Kan u aub wat meer context geven?</t>
  </si>
  <si>
    <t>Door het Erasmus samengestelde telefoonlijsten tonen en bewerken (admin module?), tonen van isolatie protocollen uit onze kwaliteitssytemen d.m.v. koppeling of anderzins</t>
  </si>
  <si>
    <r>
      <t>“Beschikt het MMS over beletschermen die op de gang informatie kunnen tonen over bijvoorbeeld deurbewegingen, hygiënevoorschriften, huidig OK-programma, incl. personeel, en als intercom kunnen dienen?</t>
    </r>
    <r>
      <rPr>
        <sz val="8"/>
        <color rgb="FF191614"/>
        <rFont val="Arial"/>
        <family val="2"/>
      </rPr>
      <t>  “</t>
    </r>
  </si>
  <si>
    <t>Is dit een functionaliteit van jullie huidige MMS?</t>
  </si>
  <si>
    <t>Ja, naast ieder OK deur hangt aan de gangzijde een scherm met genoemde functionaliteit en informatie over die specifieke actieve zitting (Koppeling Hix)</t>
  </si>
  <si>
    <r>
      <t>“I</t>
    </r>
    <r>
      <rPr>
        <i/>
        <sz val="8"/>
        <color rgb="FF191614"/>
        <rFont val="Arial"/>
        <family val="2"/>
      </rPr>
      <t>s er co-registratie mogelijk voor het koppelen en synchroniseren van meerdere modaliteiten?</t>
    </r>
    <r>
      <rPr>
        <sz val="8"/>
        <color rgb="FF191614"/>
        <rFont val="Arial"/>
        <family val="2"/>
      </rPr>
      <t> “</t>
    </r>
  </si>
  <si>
    <t>Wat bedoelt u met modaliteiten? Kan u voorbeelden geven? En wat precies moeten we verstaan onder co-registratie? Gaat dit over werklijsten die gedeeld worden over verschillende systemen in het OK zodat met slechts 1x de patient moet aanmelden?</t>
  </si>
  <si>
    <t xml:space="preserve">Met modaliteiten in deze context wordt bedoeld de beeldbronnen op de OK. Co-registratie is het koppelen van bronnen b.v. een IVUS (inwendige echo) ontvangt ook het live rontgenbeeld mbv een capture module, waardoor op het rontgenbeeld aangegeven kan worden waar de echo katheter zich bevind. Het verzenden en ontvangen van beelden is dan noodzakelijk als ook een voorspelbare latency. Dit is vergelijkbaar met Augmented reality. </t>
  </si>
  <si>
    <t>“Wordt er gebruik gemaakt van preset dual screen-weergaveconfiguraties in plaats van een snapshot?”</t>
  </si>
  <si>
    <t>Kan u meer uitleg geven aub? wat wordt bedoeld met een snapshot en hoe moeten we praktisch het gebruik zien van de dual-screenweergave?</t>
  </si>
  <si>
    <t xml:space="preserve">Het onderscheid tussen een preset en een snapshot, is dat met een  preset van te voren crosspoints gedefinieerd kunnen worden, ook zonder dat een apparaat aangesloten is. Om snel een beeldrouterings crosspoint situatie op te roepen.  Een Snapshot legt de huidige beeldrouterings crosspoints vast, om deze op een later moment op te roepen. In combinatie met dualscreen PC's kan het oproepen van een routerings- preset of snapshot tot problemen leiden met de muiscursor die binnen 1 scherm "gevangen"blijft.  definieerbare presets met volgorde duiding zou een oplossing kunnen zijn. </t>
  </si>
  <si>
    <t>“Hoe wordt het eenvoudig terugvinden van beelden binnen uw oplossing ondersteund?”</t>
  </si>
  <si>
    <t>Over welke soort beelden heeft u het in deze vraag?</t>
  </si>
  <si>
    <t xml:space="preserve">Wij hebben het hierbij over snapshots en critical views (opnames) die gedurende de operatie gemaakt worden en achteraf terug te vinden moeten zijn. </t>
  </si>
  <si>
    <t>“Kunt u beschrijven hoe de data binnen uw oplossing bekeken kan worden vanaf zowel interne als externe schermen? Hoe worden deze gegevens opgeroepen, en zijn er specifieke voorwaarden of vereisten om toegang te krijgen?”</t>
  </si>
  <si>
    <t>Is intern en extern hier te begrijpen als binnen en buiten het OK, of binnen en buiten het ziekenhuis? graag ook meer info over welke soort data het het gaat.</t>
  </si>
  <si>
    <t>Beide, dus buiten de OK op een willekeurige werkplek binnen het Erasmus MC en/of extern vanuit huis of een andere locatie (ander ziekenhuis) Zowel streams als raadplegen procedureopnames</t>
  </si>
  <si>
    <t>“Kunt u beschrijven hoe uw oplossing omgaat met het opslaan van beelden? Worden deze eerst opgeslagen op een server of direct in HIX, en welke stappen en beveiligingsmaatregelen zijn hierbij van toepassing?”</t>
  </si>
  <si>
    <t>Kan u laten weten welke soorten beelden HiX aanvaardt? zowel screenshots als video’s? welke formaten en tot welke groottes in MB? In ieder geval proberen wij een oplossing op maat en naar wens uit te tekenen.</t>
  </si>
  <si>
    <t xml:space="preserve">Zowel screenshots/foto's als clips van 1 minuut video. </t>
  </si>
  <si>
    <r>
      <t>“Is live streaming mogelijk voor onderwijs, congressen of telemedicine via een regie functie zoals in de huidige regiekamer?</t>
    </r>
    <r>
      <rPr>
        <sz val="8"/>
        <color rgb="FF191614"/>
        <rFont val="Arial"/>
        <family val="2"/>
      </rPr>
      <t> “</t>
    </r>
  </si>
  <si>
    <t>Kunnen wij aub op korte termijn deze regiekamer eens bezoeken? We willen hier graag meer details over. Valt de regiekamer ook onder het te vernieuwen MultiMedia Systeem?</t>
  </si>
  <si>
    <t xml:space="preserve">Ja een schouw is in te plannen , de regiekamer valt hier ook onder. </t>
  </si>
  <si>
    <t>“Kunnen opnames gemaakt worden voor live streaming voor onderwijs, congressen of telemedicine? Geef hierbij ook aan in hoeverre het mogelijk is om op een externe locatie te streamen vanaf de OK.”</t>
  </si>
  <si>
    <t>De vraag is een beetje verwarrend omdat opnames per definitie niet live zijn.</t>
  </si>
  <si>
    <t>Hier word met opnames bedoeld, livestreams</t>
  </si>
  <si>
    <r>
      <t>“Kunnen OK’s tegelijkertijd worden uitgezonden vanuit de regie?</t>
    </r>
    <r>
      <rPr>
        <sz val="8"/>
        <color rgb="FF191614"/>
        <rFont val="Arial"/>
        <family val="2"/>
      </rPr>
      <t> “</t>
    </r>
  </si>
  <si>
    <t>idem als voor Regie vraag 1: Kunnen wij aub op korte termijn deze regiekamer eens bezoeken? We willen hier graag meer details over. Valt de regiekamer ook onder het te vernieuwen MultiMedia Systeem?</t>
  </si>
  <si>
    <t>“Is ISO-recording mogelijk voor bronnen in hoge kwaliteit, mogelijk door multiscreenrecording in native resolutie en colorspace? “</t>
  </si>
  <si>
    <t>Wat wordt bedoeld met ISO-recording ? we vinden meerdere definities als we dit online opzoeken.</t>
  </si>
  <si>
    <t>Iso recording in context van de regie is een native opname van de bron, vóórdat het beeld geschakeld of geprocessed is door de videomixer. Dit gaat om een 8 tal opname recorderkanalen</t>
  </si>
  <si>
    <r>
      <t>“Welke bekabeling (koper/glas) en eventueel omzetting/switches zijn er nodig voor het MMS?  Kan hiervoor gebruik gemaakt worden van bestaande infrastructuur van het Erasmus MC die het Erasmus MC ook beheert?”</t>
    </r>
    <r>
      <rPr>
        <sz val="8"/>
        <color rgb="FF191614"/>
        <rFont val="Arial"/>
        <family val="2"/>
      </rPr>
      <t>  </t>
    </r>
  </si>
  <si>
    <t>Is het mogelijk een bekabelingsdiagram van de huidige OK opstelling mee te geven? welke bekabeling ligt erover welk type van switches gaat het?</t>
  </si>
  <si>
    <t>Zie Bijlage 8 &amp; 9 voor de bekabelingsdiagrammen van de OK</t>
  </si>
  <si>
    <r>
      <t> </t>
    </r>
    <r>
      <rPr>
        <i/>
        <sz val="8"/>
        <color rgb="FF191614"/>
        <rFont val="Arial"/>
        <family val="2"/>
      </rPr>
      <t>“Kunt u een prijsindicatie geven voor de door u aangeboden oplossing voor het totaal aantal OK's , zijnde:</t>
    </r>
    <r>
      <rPr>
        <sz val="8"/>
        <color rgb="FF191614"/>
        <rFont val="Arial"/>
        <family val="2"/>
      </rPr>
      <t> </t>
    </r>
    <r>
      <rPr>
        <i/>
        <sz val="8"/>
        <color rgb="FF191614"/>
        <rFont val="Arial"/>
        <family val="2"/>
      </rPr>
      <t>Centrumlocatie 26 OK's / Sophia 4 OK's</t>
    </r>
    <r>
      <rPr>
        <sz val="8"/>
        <color rgb="FF191614"/>
        <rFont val="Arial"/>
        <family val="2"/>
      </rPr>
      <t> “</t>
    </r>
  </si>
  <si>
    <t>Is de regiekamer onderdeel van de prijsvraag?</t>
  </si>
  <si>
    <t xml:space="preserve">Vooralsnog is de regiekamer onderdeel van de vraag. In bijlage 7 vindt u een  inventarisatie van de huidige opstelling van de AV/ Regie ruimte. Verzoek is om de prijs tbv de regiekamer separaat te benoemen. </t>
  </si>
  <si>
    <t>Hoeveel inprikpunten voor mobiele modaliteiten zijn gewenst per OK?</t>
  </si>
  <si>
    <t>minimaal 8 voor het merendeel van de OK's, voor Thorax OK's en de interventiekamers minimaal 16</t>
  </si>
  <si>
    <t>Hoeveel vaste modaliteiten zijn er per OK (bvb PC’s) behalve de in de inventarisatie vernoemdde camera’s.</t>
  </si>
  <si>
    <t>Zijn de genoemde 200 modaliteiten in het pdf documente “uitnoding marktverkenning” mobiel of is dit het totaal van de vaste en mobiele?</t>
  </si>
  <si>
    <t>3 of 4 minimaal Voor de interventiekamers minimaal 16</t>
  </si>
  <si>
    <t>Totaal van de mobiele</t>
  </si>
  <si>
    <t>Over bijlage 6; inventarisatie</t>
  </si>
  <si>
    <t>-Welke is de huidige bekabeling?</t>
  </si>
  <si>
    <r>
      <t>-Zijn de “</t>
    </r>
    <r>
      <rPr>
        <i/>
        <sz val="8"/>
        <color rgb="FF191614"/>
        <rFont val="Arial"/>
        <family val="2"/>
      </rPr>
      <t>aansluitpunten IT” </t>
    </r>
    <r>
      <rPr>
        <sz val="8"/>
        <color rgb="FF191614"/>
        <rFont val="Arial"/>
        <family val="2"/>
      </rPr>
      <t>glasvezel-inprikpunten? Indien ja, van welk type?</t>
    </r>
  </si>
  <si>
    <t>-welke zijn de netwerkswitches? (zijn deze voor glasvezel?) welk type en hoe oud zijn deze?</t>
  </si>
  <si>
    <t xml:space="preserve"> Deze vraag begrijpen wij niet.</t>
  </si>
  <si>
    <t xml:space="preserve">14. Is er co-registratie mogelijk voor het koppelen en synchroniseren van meerdere modaliteiten? </t>
  </si>
  <si>
    <t>Bedoelt u hier de bedienschermen (meerdere bedienschermen) of de videoschermen (multiwindow, PiP, PaP, Quadview enzovoort)?</t>
  </si>
  <si>
    <t>16. Ondersteunt het systeem meerdere schermen (dual screen)?</t>
  </si>
  <si>
    <t xml:space="preserve">17. Wordt er gebruik gemaakt van preset dual screen-weergaveconfiguraties in plaats van een snapshot? </t>
  </si>
  <si>
    <t xml:space="preserve"> Wat voor management rapportage bedoelt u. Voor de OK-manager, voor de servicemanager/beheerder?</t>
  </si>
  <si>
    <t xml:space="preserve">21. Is er managementrapportage beschikbaar? </t>
  </si>
  <si>
    <t xml:space="preserve"> Welke data bedoelt u?</t>
  </si>
  <si>
    <t xml:space="preserve">29. Kunt u beschrijven hoe de data binnen uw oplossing bekeken kan worden vanaf zowel interne als externe schermen? Hoe worden deze gegevens opgeroepen, en zijn er specifieke voorwaarden of vereisten om toegang te krijgen? </t>
  </si>
  <si>
    <t>Wij komen zelden VR toepassingen op de OK tegen. Kunt u de achtergrond van de vraag toelichten. Of moeten wij een bestaand VR-systeem wellicht als een aan te sluiten modaliteit zien?</t>
  </si>
  <si>
    <t xml:space="preserve">30. In hoeverre ondersteunt uw oplossing het verwerken van VR-beelden of andere externe beelden? Welke functionaliteiten zijn beschikbaar voor het bekijken, bewerken en integreren van deze beelden binnen uw workflow? </t>
  </si>
  <si>
    <t xml:space="preserve">Co-registratie is het koppelen van bronnen b.v. een IVUS (inwendige echo) ontvangt ook het live rontgenbeeld mbv een capture module, waardoor op het rontgenbeeld aangegeven kan worden waar de echo katheter zich bevind. Het verzenden en ontvangen van beelden is dan noodzakelijk als ook een voorspelbare latency. Dit is vergelijkbaar met Augmented reality. </t>
  </si>
  <si>
    <t>Het gaat om de videoschermen, bijvoorbeeld van werkplekken, waarbij een computer bron/applicatie bedient wordt over 2 schermen waarbij de muis doorloopt over beide schermen (extended display's). Dit onafhanklijk van het op de pc gebruikte OS.</t>
  </si>
  <si>
    <t xml:space="preserve">Graag zien wij "alle informatie" tijdens het gebruik opgeslagen en voor later rapportage te gebruiken. Ofwel rapportage vanuit het systeem voor management en services/beheer als via api's /toegang tot databases voor het zelf maken van rapportages e.d. Voorbeelden van mogelijke rapporatages: Duur van de operatie, Deurtellingen, Gebruik OK-ruimtes, Storingen aan eht systeem, enz... </t>
  </si>
  <si>
    <t>Bekijken van streams en archiefopname's buiten de OK op willekeurige werkplekken binnen het Erasmus MC. Daarnaast vanuit huis of andere locaties (ziekenhuizen)</t>
  </si>
  <si>
    <t>Data uit de bril of ander device</t>
  </si>
  <si>
    <t xml:space="preserve"> Is deze functionaliteit gewenst voor alle OK’s of alleen voor de Thorax OK’s?</t>
  </si>
  <si>
    <t xml:space="preserve">1. Is live streaming mogelijk voor onderwijs, congressen of telemedicine via een regie functie zoals in de huidige regiekamer? </t>
  </si>
  <si>
    <t>Heeft deze vraag betrekking op de recorder in uw regieruimte of op onze recorder?. Betreft dit dan een wens/eis voor alleen congressen (anoniem opnemen?) of is de een eis voor de algemene video opslag en dan voor alle 26+4 OK’s?</t>
  </si>
  <si>
    <t xml:space="preserve">2. Is ISO-recording mogelijk voor bronnen in hoge kwaliteit, mogelijk door multiscreenrecording in native resolutie en colorspace? </t>
  </si>
  <si>
    <t>Alle OK's</t>
  </si>
  <si>
    <t>Dit is specifiek voor de regiekamer</t>
  </si>
  <si>
    <t>Heeft deze vraag betrekking op “service” alleen of op de aanbesteding in totaal?</t>
  </si>
  <si>
    <t xml:space="preserve">8. Welke aanverwante diensten acht u onderdeel te zijn van de inkoop van OK MMS? </t>
  </si>
  <si>
    <t>Aanbesteding in totaal.</t>
  </si>
  <si>
    <t>Dat kan echter in bijlage 6 geeft u aan dat u de Bekabeling en Netwerkswitches wilt handhaven. (a) Heeft u een beschrijving van de bekabeling en beschikbare apparatuurkasten? (b) Wij kunnen ons niet voorstellen dat het handhaven, van op het momoment van installatie, 10 jaar oude netwerkswitches voor een systeem dat weer 7-10 jaar moet werken wenselijk is. Gelet op het feit dat deze switches het hart van de installatie vormen en een grote impact hebben wanneer deze uitvallen. Uw input lezende zijn er overigens meer argumenten om de bestaande switches niet te handhaven. (c) Mogen we er voor de 4 kamers in het SKZ vanuit gaan dat er nog niets aanwezig is?</t>
  </si>
  <si>
    <t xml:space="preserve">1. Kunt u een prijsindicatie geven voor de door u aangeboden oplossing voor het totaal aantal OK's , zijnde: Centrumlocatie 26 OK's Sophia 4 OK's </t>
  </si>
  <si>
    <t xml:space="preserve">a. Een overzicht van de bekabeling vindt u in bijlage 8 &amp; 9.  b. Netwerkswitches zijn onderdeel van een andere Europese aanbesteding. De netwerkapparatuur is al aanbesteed in een andere aanbesteding. Momenteel gebruiken wij Cisco Nexus C93180YC-FX3 als switch. Deze zijn recent (2025) vervangen. c. In het Sophia is inderdaad nog niets aanwezig maar is wel onderdeel van de aanbesteding netwerkapparatuur en maakt onderdeel uit van het prgramma Instandhouding Sophia voor de verbouwing van de Ok's aldaar. Voor de kostenindactie mag u uitgaan van een situatie zonder aanwezige infrastructuur. Netwerkswitches worden via een aparte aanbesteding ingekocht. </t>
  </si>
  <si>
    <t>Welke OK’s zijn dan de Thorax OK’s? • OK-22 t/m OK-25 zijn de IK’s. Dienen deze voor de prijscalculatie ook in de nieuwe opzet een kleiner bedienscherm te krijgen? Zie de ** in bijlage 2. • OK-26 dient ook nu weer een dubbele bediening te krijgen? Zie *** in bijlage 2.</t>
  </si>
  <si>
    <t xml:space="preserve">Voor het bedienscherm wordt er geen onderscheid gemaakt tussen de ok's.  De interventiekamers hebben op dit moment een kleiner scherm. </t>
  </si>
  <si>
    <t xml:space="preserve">De scope betreft 26 OK’s op de Centrum locatie en 4 OK’s (OK-7 t/m OK-10) in het SKZ. Van de 26 OK’s zijn OK-22 t/m OK-26 (5 kamers) benoemd als Interventiekamer. </t>
  </si>
  <si>
    <t>Welke beeldresolutie kan het MMS verwerken? (noodzaak voor 4k, 8K in de toekomst?)  </t>
  </si>
  <si>
    <t>Is er op dit moment een functionele wens voor een beeldresolutie hoger dan 4K binnen de OK? Doormiddel van deze wens kunnen we op basis hiervan beter informatie voorzien.</t>
  </si>
  <si>
    <t>Er is geen functionele wens voor dit moment, de vraag is op welke manier we kunnen voorbereiden op resoluties hoger dan 4K</t>
  </si>
  <si>
    <t>Kan het MMS 3D beelden verwerken en/of weergeven en zo ja, op welke resolutie en beeld frequentie? </t>
  </si>
  <si>
    <t>Vanaf welke apparaten moeten wij 3D beelden gaan weergeven? Is dit o.a. 3D scopy en 3D operatie robot (Da Vinci). Belangrijk om te weten wat van 3D uitgang uw appraten hebben. Dit in de uiteindelijke RfQ fase. O.a. Dual stream via SDI of HDMI/DVI of 3D multiplexed stream multiplexed via één output. 4K wordt niet meer gedaan via dual stream output, vandaar.</t>
  </si>
  <si>
    <t xml:space="preserve">Het betreft (op dit moment) het verwerken van beelden van de Da Vinci  Xi, beelden van Operatiemicroscopen Zeiss Pentero 800s en Kinevo 900s en Synaptive modus V, en beelden van Storz image one s connect  2 tc201 processoren. </t>
  </si>
  <si>
    <t>Is het mogelijk om de beelden geautomatiseerd te anonimiseren en geanonimiseerd op te slaan?  </t>
  </si>
  <si>
    <t>Is het de bedoeling om beelden geanonimiseerd op te slaan (dus zonder patiënt informatie) of geanonimiseerd te bekijken en te downloaden/exporteren door bijv. studenten.</t>
  </si>
  <si>
    <t>Ja</t>
  </si>
  <si>
    <t>Is het mogelijk om brondata van het Erasmus MC zoals telefoonlijsten, hygiëne voorschriften/protocollen zelf, handmatig of geautomatiseerd, aan te passen?  </t>
  </si>
  <si>
    <t>Hiermee bedoelt u data die binnen ons systeem en o.a. de bedieningsinterface (ORflow) getoond wordt. Is dit correct?</t>
  </si>
  <si>
    <t>Adminmodule telefoonlijsten, gazen items en/of URL's verschiillende protocollen, plattegronden etc</t>
  </si>
  <si>
    <t>Beschikt het MMS over beletschermen die op de gang informatie kunnen tonen over bijvoorbeeld deurbewegingen, hygiënevoorschriften, huidig OK-programma, incl. personeel, en als intercom kunnen dienen?  </t>
  </si>
  <si>
    <t>Is het hierbij ook de wens om de relevante gegevens automatisch op het juiste moment te zien. Dus enkel de relevante hygiëne voorschriften voor de huidige of aankomende ingreep.</t>
  </si>
  <si>
    <t>Uitsluitend de huidige</t>
  </si>
  <si>
    <t>Streamen op elke PC in het ziekenhuis is een vereiste(met geluid) maar in welke kwaliteit doen jullie dat? En hoeveel streams tegelijk ? </t>
  </si>
  <si>
    <t>Bedoelt u hiermee dat u op iedere werkplek in het ziekenhuis beelden vanaf de OK in streams wilt ontvangen? Correct?</t>
  </si>
  <si>
    <t>Daarnaast ook de mogelijkheid om vanuit huis of andere locatie een stream of archiefbeelden te kunnen bekijken</t>
  </si>
  <si>
    <t>Als de HL7 koppeling er uit ligt kan er dan gerouteerd worden en is het Multimedia Systeem dan nog functioneel. (bv gazenteler materialen, opnamens) </t>
  </si>
  <si>
    <t>Welke functionaliteiten ziet het EMC als essentieel om te kunnen bedienen bij het uitvallen van de HL7 koppeling met het EPD?</t>
  </si>
  <si>
    <t>In ieder geval het maken van opname's maar mogelijk de totale functionaliteit, voor vergelijkbare systemen hebben we noodviewers die beschikbaar gemaakt kunnen worden bij calamiteiten.</t>
  </si>
  <si>
    <t>Is het mogelijk om werkplekken met een paslezer in te stellen? </t>
  </si>
  <si>
    <t>Deze vraag is niet helemaal duidelijk. Wat bedoelt u met exact met werkplekken? Werkplekken van Erasmus MC, dit zijn toch uw eigen PC's Of bedoelt u ook ons systeem hiermee en/of werkplek aansturen via ons systeem (via KVM)?</t>
  </si>
  <si>
    <t xml:space="preserve">In dit stuk wordt met werkplekken KVM bediening bedoeld via het beeldrouteringssysteem. Waarbij vaste PC's op de IK's gerouteerd worden naar Muis toetsenbord beeldscherm combinaties. </t>
  </si>
  <si>
    <t>Ondersteunt het systeem meerdere schermen (dual screen)? </t>
  </si>
  <si>
    <t>Wat bedoelt u precies hiermee? Dual screen van /naar een PC met dubbel/dual uitgang? (Uitgebreid bureaublad)?</t>
  </si>
  <si>
    <t>Hoe wordt de status van de kamer weergegeven, bijvoorbeeld via een scherm bij de ingang, voor direct zicht op de OK-status (schoonmaak) en beschikbaarheid? Is het daarbij ook mogelijk om aan te geven wie er aanwezig is in de OK ruimte?</t>
  </si>
  <si>
    <t>Met "aanwezig" bedoelt u het OK-team dat de operatie verricht? We kunnen ons voostellen dat het beletscherm veel meer functionaliteiten als doel heeft (zoal u nu al heeft). We missen dus wel functionaliteiten waar u tot heden waarde aanhecht. Denk aan OK-planning, patiënt informatie, isolatievoorschriften/waarschuwingen/maatregelen.</t>
  </si>
  <si>
    <t>Het minmaal behouden van de huidige functionaliteit is het uitgangspunt</t>
  </si>
  <si>
    <t>Is er managementrapportage beschikbaar? </t>
  </si>
  <si>
    <t>Welke gegevens zou het EMC graag willen inzien in een managementrapportage? Wilt u een rapportage van gebruik van bijv. (gazen)tellers op de OK, deurtelling vs. gedane operaties?</t>
  </si>
  <si>
    <t>Graag zien wij "alle informatie" tijdens het gebruik opgeslagen en voor later rapportage te gebruiken. Ofwel rapportage vanuit het systeem voor management en services/beheer als via api's /toegang tot databases voor het zelf maken van rapportages e.d. Voorbeelden van mogelijke rapporatages: Duur van de operatie, Deurtellingen, Gebruik OK-ruimtes, Storingen aan eht systeem, enz...</t>
  </si>
  <si>
    <t>Wordt AI gebruikt ter ondersteuning van de gebruiker, bijvoorbeeld door middel van analyse, voorspellingen en automatisering, maar ook voor beheerders voor analyse, trenddetectie en preventief onderhoud? </t>
  </si>
  <si>
    <t>Welke specifieke wensen heeft het EMC tot het inzetten van AI ter ondersteuning van de gebruiker op de OK?</t>
  </si>
  <si>
    <t xml:space="preserve">Op dit moment zijn er nog geen concrete usescases in gebruik waarbij AI wordt ingezet op de OK in relatie met het MMS. Mogelijk toekomstig gebruik van SurgicalTouch of  vergelijkbaar zou geïntegreerd kunnen worden met het MMS. We zijn ook/ met name benieuwd welke AI tools al worden aangeboden. </t>
  </si>
  <si>
    <t xml:space="preserve">Kunt u een beschrijving geven van de autorisatiemogelijkheden voor het inzien van beelden, waarbij rekening wordt gehouden met verschillende specialismen? </t>
  </si>
  <si>
    <t>Bedoelt u hiermee dat de beelden per specialisme geautoriseerd moeten kunnen worden, dus dat gebruikers vanuit andere specialisatie geen rechten hebben om bij andere specialisme te kijken?</t>
  </si>
  <si>
    <t>Kunt u beschrijven hoe de data binnen uw oplossing bekeken kan worden vanaf zowel interne als externe schermen? Hoe worden deze gegevens opgeroepen, en zijn er specifieke voorwaarden of vereisten om toegang te krijgen?</t>
  </si>
  <si>
    <t>Wat bedoelt u in deze met externe schermen. Schermen buiten de OK? En wat bedoelt u met 'data': de gemaakte beeldopnames e.d.?</t>
  </si>
  <si>
    <t>In hoeverre ondersteunt uw oplossing het verwerken van VR-beelden of andere externe beelden? Welke functionaliteiten zijn beschikbaar voor het bekijken, bewerken en integreren van deze beelden binnen uw workflow?</t>
  </si>
  <si>
    <t>Welke specifieke wensen heeft het EMC omtrent VR-beelden binnen de workflow?</t>
  </si>
  <si>
    <t>Met name het meekijken door anderen dan de operateur die de bril op heeft</t>
  </si>
  <si>
    <t>Hoe kan uw oplossing voorzien in het delen van live videobeelden tussen verschillende ruimtes binnen het Erasmus MC, met behoud van kwaliteit, veiligheid en privacy?</t>
  </si>
  <si>
    <t>Bedoelt u hiermee het delen van beelden vanuit een bepaalde OK naar een andere OK of bespreekruimte (via video over IP-netwerk) of bedoelt u hiermee livestreaming vanuit iedere OK naar verschillende ruimtes c.q. werkplekken via het Erasmus MC netwerk?</t>
  </si>
  <si>
    <t>Streamen in hoge kwaliteit</t>
  </si>
  <si>
    <t>Kunt u beschrijven hoe uw oplossing omgaat met het opslaan van beelden? Worden deze eerst opgeslagen op een server of direct in HIX, en welke stappen en beveiligingsmaatregelen zijn hierbij van toepassing?</t>
  </si>
  <si>
    <t>Vereist u hiermee een tussenopslag van bijv. 90 dagen?</t>
  </si>
  <si>
    <t>Is live streaming mogelijk voor onderwijs, congressen of telemedicine via een regie functie zoals in de huidige regiekamer? </t>
  </si>
  <si>
    <t>Bedoelt u dat u alle beelden vanuit de OK wilt ontvangen zodat de gebruikt kunnen vanuit de regie om te live stream of bedoelt u dat livestream (netwerk streams) wilt kunnen ontvangen in de regieruimte.</t>
  </si>
  <si>
    <t>Vanuit alle Ok's ontvangt de regie de native outputs (uncompressed) om deze te schakelen naar een live stream.</t>
  </si>
  <si>
    <t>Kunnen opnames gemaakt worden voor live streaming voor onderwijs, congressen of telemedicine? Geef hierbij ook aan in hoeverre het mogelijk is om op een externe locatie te streamen vanaf de OK.</t>
  </si>
  <si>
    <t>U wilt vanaf een externe locatie (bijv. auditorium?) streamen vanaf de OK naar deze ruimte (auditorium). Is dit correct?</t>
  </si>
  <si>
    <t>Is ISO-recording mogelijk voor bronnen in hoge kwaliteit, mogelijk door multiscreenrecording in native resolutie en colorspace? </t>
  </si>
  <si>
    <t>Wilt u ISO recording in de regieruimte of wilt u ISO recording kunnen doen van de bronnen in de OK? Indien OK, behoort deze vraag dan niet als functionaliteit van de OK te worden beschreven. Indien regie: Is één set ISO recording van alle OK's voldoende? Want we kunnen ons voorstellen dat ISO recording in hoge kwaliteit gewenst is (hoge bitrate, broadcast DNxHD, XAVC, MXF etc.). en dus niet voor iedere OK altijd beschikbaar moet zijn.</t>
  </si>
  <si>
    <t>Iso recording in context van de regie is een native opname van de bron, vóórdat het beeld geschakeld of geprocessed is door de videomixer. Dit gaat om een 8 tal opname recorderkanalen.</t>
  </si>
  <si>
    <t>Welke bekabeling (koper/glas) en eventueel omzetting/switches zijn er nodig voor het MMS?  Kan hiervoor gebruik gemaakt worden van bestaande infrastructuur van het Erasmus MC die het Erasmus MC ook beheert?  </t>
  </si>
  <si>
    <t>4K60 over bestaande infrastructuur? Wordt het gewaardeerd om de de huidige video-over-IP infrastructuur te handhaven c.q. hergebruiken of ziet u juist weerwaarde in om de gehele technisch architectuur en infrastructuur opnieuw te gaan inrichten (hoge kosten) Denk aan switches, fiberinfrastructuur etc.</t>
  </si>
  <si>
    <t xml:space="preserve">Waar mogelijk en/of wanneer recent vervangen gebruik maken van bestaande infrastructuur mits geschikt voor de gewenste functionaliteit (4k60/3D) </t>
  </si>
  <si>
    <t>Is er een koppeling met HiX mogelijk? Zo ja, licht toe.</t>
  </si>
  <si>
    <t>Hiervoor is een HL7 koppeling nodig. Blijft de huidige koppeling intact of gaat u dit herzien? Wilt u hierbij minimaal dezelfde of ook meer functionaliteiten? Wij denken ook aan het ontvangen van isolatievormen en allergieën per patiënt. Dit dient namelijk te geschieden via een separate HL7 koppeling, vandaar de vraag.</t>
  </si>
  <si>
    <t>Minimaal dezelfde huidige functionaliteit. Geautomatiseerde signalering tbv isolatievormen inderdaad wenselijk.</t>
  </si>
  <si>
    <t>Is er mogelijkheid voor hergebruik voor bestaande hardware (in het Erasmus MC) voor het nieuwe MMS)?  </t>
  </si>
  <si>
    <t>Wordt het gewaardeerd om de de huidige video-over-IP infrastructuur te handhaven c.q. hergebruiken of ziet u juist weerwaarde in om de gehele technisch architectuur en infrastructuur opnieuw te gaan inrichten (hoge kosten) Denk aan switches, fiberinfrastructuur etc.</t>
  </si>
  <si>
    <t>Hergebruik waar kan voorzover dit toereikend is voor beoogde funcionaliteit en toepassing. Switches zijn recent vervangen</t>
  </si>
  <si>
    <t>Wordt er in plaats van een fixed IP-infrastructuur gebruikgemaakt van DHCP voor dynamische netwerkconfiguratie en eenvoudiger beheer? </t>
  </si>
  <si>
    <t>Vanuit welk oogpunt bedoelt met u met ‘eenvoudiger beheer’? Bedoelt u hiermee dat u beter vanuit EMC-ICT kan beheren en/of geeft u hiermee aan dat u zelf graag controle blijft behouden over video-over IP-infrastructuur, dus behoud van netwerk switches waarover alle video- en audiosignalen verloopt? Kortom geen voorkeur van eigen switch oplossingen met eigen vereisten (=blackbox)?</t>
  </si>
  <si>
    <t>Volgens de huidige aansluitvoorwaarden van het Erasmus MC is DHCP een vereiste/zeer stere voorkeur. Wij zullen gebruik blijven maken van eigen switches die via een aparte aanbesteding zijn/worden aangekocht.</t>
  </si>
  <si>
    <t>In hoevere zijn de update's te costumizen en hoevaak? </t>
  </si>
  <si>
    <t>Wat is de achterliggende wens van deze vraag? Welke zaken zou het EMC graag willen customizen? En om welke frequentie wordt er specifiek gevraagd?</t>
  </si>
  <si>
    <t>Er zullen vanuit de leverancier al dan niet verplichte updates en upgrades beschikbaar komen. De vraag is of aangepaste versies hiervan geimplementeerd kunnen worden, omdat bepaalde functies niet wenselijk zijn? Of dat er een update gemaakt kan worden met door ons specifieke funcitonele wensen?</t>
  </si>
  <si>
    <t>Is de back-end van het systeem toegankelijk en gebruiksvriendelijk voor administratie en beheer? </t>
  </si>
  <si>
    <t>Over welke functionele wensen gaat deze vraag precies?</t>
  </si>
  <si>
    <t>De functionele wens is om eerste lijns support te kunnen leveren</t>
  </si>
  <si>
    <t>Zijn hardware en software beschikbaar voor Erasmus MC-ontwikkelaars, bijvoorbeeld via API’s of open data interfaces? </t>
  </si>
  <si>
    <t>Zijn er specifieke aspecten van het MMS waar Erasmus MC-ontwikkelaars graag mee zou willen koppelen of connecten?</t>
  </si>
  <si>
    <t>Nee, op het gehele systeem.</t>
  </si>
  <si>
    <t>Welke aanverwante diensten acht u onderdeel te zijn van de inkoop van OK MMS?</t>
  </si>
  <si>
    <t>Wat bedoelt het EMC precies met deze vraag?</t>
  </si>
  <si>
    <t>Wij horen graag welke aanverwante diensten onderdeel moeten zijn van de aanbesteding en wij mee moeten nemen in de uitvraag.</t>
  </si>
  <si>
    <t>Krijgt Erasmus MC de rol van expert, en kan de leverancier fungeren als sparringpartner? </t>
  </si>
  <si>
    <t>Het Erasmus zoekt een partner waarbij  speciefieke wensen en eisen gezamenlijk verder ontwikkelt kunnen worden. De leverancier biedt meer inzicht, documentatie en training voor Erasmus MC systeem experts.</t>
  </si>
  <si>
    <t>Kunt u een prijsindicatie geven voor de door u aangeboden oplossing voor het totaal aantal OK's , zijnde: Centrumlocatie 26 OK's Sophia 4 OK's</t>
  </si>
  <si>
    <t>Is het juist dat behandelkamers OK-C en OK-D buiten deze scoop valt?</t>
  </si>
  <si>
    <t>Deze vallen binnen de scope en zijn toegevoegd aan het overzicht.</t>
  </si>
  <si>
    <t>Wat is uw visie op het vaststellen en beoordelen van prijs in een Europese Aanbestedingsprocedure?</t>
  </si>
  <si>
    <t>Hoe borgt u bij het vaststellen en beoordelen van prijs binnen een Europese aanbestedingsprocedure dat dit op een objectieve en proportionele wijze gebeurt, met duidelijke en transparante communicatie richting inschrijvers, en met gelijke behandeling van alle marktpartijen?</t>
  </si>
  <si>
    <t>In de voorbereiding van de aanbesteding doen wij een marktverkenning en marktconsultatie. Hierin vragen wij de markt naar hun visie op de toekomstige aanbesteding. Bij het publiceren van de aanbestedingsstukken zullen wij transparant maken hoe het beoordelingsmodel eruit zal zien en hoe ieder onderdeel beoordeeld zal worden. Ook hierover kunnen vragen worden gesteld in de Nota van Inlichtingen.</t>
  </si>
  <si>
    <t>Kosten</t>
  </si>
  <si>
    <t xml:space="preserve">Is het wenselijk dat wij naast een globale prijsindicatie ook verschillende TCO-scenario’s schetsen (bijvoorbeeld minimaal vs. optimaal onderhoud), zodat de onderlinge verschillen in kostenopbouw en risico’s inzichtelijk worden? </t>
  </si>
  <si>
    <t>Ja wij ontvangen dit graag.</t>
  </si>
  <si>
    <t>Algemeen</t>
  </si>
  <si>
    <t>Worden de antwoorden op de vragen van bijlage 1 – Vragen marktverkenning Multimedia systeem OK, openbaar gedeeld?</t>
  </si>
  <si>
    <t>Bijlage 2 – UN Sustainable Development Goals</t>
  </si>
  <si>
    <t>Niet alle links die in dit document staan verwijzen niet naar de bedoelde web-pagina.</t>
  </si>
  <si>
    <t>Kunt u aangeven welke links niet werken, dan zullen wij dit in de marktconsultatie verwerken.</t>
  </si>
  <si>
    <t>Zijn alle genoemde onderdelen daadwerkelijk van toepassing op de beoogde systeemlevering, zoals bijvoorbeeld chemicals management?</t>
  </si>
  <si>
    <t>Wij horen graag wat u welke onderdelen wel en niet van toepassing zouden moeten zijn in de toekomstige aanbesteding.</t>
  </si>
  <si>
    <t>Functionaliteit - 14 &gt; kunt u verduidelijken wat u bedoelt?</t>
  </si>
  <si>
    <t>Functionaliteit - 17 &gt; kunt u verduidelijken wat u bedoelt?</t>
  </si>
  <si>
    <t>Functionaliteit - 29 &gt; kunt u verduidelijken wat u bedoelt?</t>
  </si>
  <si>
    <t>Functionaliteit - 30 &gt; kunt u verduidelijken wat u bedoelt?</t>
  </si>
  <si>
    <t>Bv verwerkte beelden die softwarematig in een bril, VR of AR brillen van google/samsung etc zitten. Dat deze data ook meegekeken kunnen worden op andere displays.</t>
  </si>
  <si>
    <t>Streamen op elke PC in het ziekenhuis is een vereiste(met geluid) maar in welke kwaliteit doen jullie dat? En hoeveel streams tegelijk? </t>
  </si>
  <si>
    <t>Kunnen jullie dit punt verduidelijken? Welke kwaliteit is hier gewenst? </t>
  </si>
  <si>
    <t xml:space="preserve">Op dit moment zijn 2 streams in 5mbit/s met H264 compressie te bekijken. Dit zien we graag verbeterd. </t>
  </si>
  <si>
    <t>Wat verstaan jullie onder een werkplek, valt een touch PC hier ook onder?</t>
  </si>
  <si>
    <t xml:space="preserve">In dit stuk wordt met werkplekken KVM bediening bedoeld via het beeldrouteringssysteem. Waarbij vaste PC's op de IK gerouteerd worden naar Muis toetsenbord beeldscherm combinaties. </t>
  </si>
  <si>
    <t>Is er co-registratie mogelijk voor het koppelen en synchroniseren van meerdere modaliteiten? </t>
  </si>
  <si>
    <t>Kunnen jullie de definitie geven van co-registratie?</t>
  </si>
  <si>
    <t>Welke informatie moet er beschikbaar worden middels deze rapportage?</t>
  </si>
  <si>
    <t>Wordt er beeldprocessing ingezet om de gebruiker te assisteren? </t>
  </si>
  <si>
    <t>Wat wordt hieronder verstaan?</t>
  </si>
  <si>
    <t>alles wat u kunt bieden ter verbetering of toevoeging van het beeld. Zoals horizon correctie, contrast of randscherpte verbeteringen.</t>
  </si>
  <si>
    <t>Wat wordt er verstaan onder andere externe beelden?</t>
  </si>
  <si>
    <t>Hoe ziet de huidige regie eruit en welke functionaliteiten zijn hierin gewenst?</t>
  </si>
  <si>
    <t>Een schouw van de regiekamer is in te plannen .</t>
  </si>
  <si>
    <t>In hoeverre zijn de update's te costumizen en hoe vaak? </t>
  </si>
  <si>
    <t>Wat wordt hier verstaan onder customizen?</t>
  </si>
  <si>
    <t>Kwaliteit Vraag 5: “Kunt u aangeven of/welke mate gebruik van uw oplossing bijdraagt aan de 'intended use'? Zo ja, heeft u daar documentatie van die dat onderbouwen?”</t>
  </si>
  <si>
    <t>Welke intended use wordt hier bevraagd?</t>
  </si>
  <si>
    <t>De intended use staat beschreven in de ''uitnodiging marktverkenning Multimedia Systeem OK''</t>
  </si>
  <si>
    <t>Functionaliteit Vraag 9: “Is het mogelijk om brondata van het Erasmus MC zoals telefoonlijsten, hgiëne voorschriften/protocollen zelf, handmatig of geautomatiseerd aan te passen?</t>
  </si>
  <si>
    <t>Gaat het hier om aanpassing in het MMS systeem en dat het hierin correct wordt weergegeven na aanpassing, of wordt er bedoeld dat aanpassingen vanuit het MMS systeem doorgevoerd worden in de brondata?</t>
  </si>
  <si>
    <t>Ja, daar gaat het om. Zelf aanpassen in het systeem, zonder tussenkomst van de leverancier of nog beter: Zijn er koppelingen (API/HL7?) mogelijk met onze bronsystemen?</t>
  </si>
  <si>
    <t>Momenteel wordt er gebruik gemaakt van 2 type bekabeling: 
Koper: Leviton S/FTP CAT6a
Fiber: Leviton MultiMode OM4 LC/LC</t>
  </si>
  <si>
    <t>De glasvezelpunten in de OK in het werk gebied betreft Neutrik opticalCON DUO (in combinatie met MultiMode OM4 fiber). Boven het plafond en in het niet direct toegankelijke deel binnen in bijvoorbeeld bruggen is afgemonteerd op duplex LC chassisdelen.</t>
  </si>
  <si>
    <t>De huidige switches zijn van het type Cisco Nexus C93180YC-FX3 en zijn ongeveer 1 jaar ou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5" x14ac:knownFonts="1">
    <font>
      <sz val="11"/>
      <color theme="1"/>
      <name val="Aptos Narrow"/>
      <family val="2"/>
      <scheme val="minor"/>
    </font>
    <font>
      <i/>
      <sz val="8"/>
      <color rgb="FF191614"/>
      <name val="Arial"/>
      <family val="2"/>
    </font>
    <font>
      <sz val="8"/>
      <color rgb="FF191614"/>
      <name val="Arial"/>
      <family val="2"/>
    </font>
    <font>
      <sz val="11"/>
      <color rgb="FF000000"/>
      <name val="Aptos Narrow"/>
      <family val="2"/>
      <scheme val="minor"/>
    </font>
    <font>
      <sz val="11"/>
      <color theme="1"/>
      <name val="Calibri"/>
      <family val="2"/>
    </font>
  </fonts>
  <fills count="2">
    <fill>
      <patternFill patternType="none"/>
    </fill>
    <fill>
      <patternFill patternType="gray125"/>
    </fill>
  </fills>
  <borders count="1">
    <border>
      <left/>
      <right/>
      <top/>
      <bottom/>
      <diagonal/>
    </border>
  </borders>
  <cellStyleXfs count="1">
    <xf numFmtId="0" fontId="0" fillId="0" borderId="0"/>
  </cellStyleXfs>
  <cellXfs count="5">
    <xf numFmtId="0" fontId="0" fillId="0" borderId="0" xfId="0"/>
    <xf numFmtId="0" fontId="0" fillId="0" borderId="0" xfId="0" applyAlignment="1">
      <alignment wrapText="1"/>
    </xf>
    <xf numFmtId="0" fontId="3" fillId="0" borderId="0" xfId="0" applyFont="1" applyAlignment="1">
      <alignment wrapText="1"/>
    </xf>
    <xf numFmtId="0" fontId="4" fillId="0" borderId="0" xfId="0" applyFont="1" applyAlignment="1">
      <alignment vertical="center"/>
    </xf>
    <xf numFmtId="0" fontId="4" fillId="0" borderId="0" xfId="0" applyFont="1" applyAlignment="1">
      <alignment vertical="center" wrapText="1"/>
    </xf>
  </cellXfs>
  <cellStyles count="1">
    <cellStyle name="Normal" xfId="0" builtinId="0"/>
  </cellStyles>
  <dxfs count="5">
    <dxf>
      <font>
        <b val="0"/>
        <i val="0"/>
        <strike val="0"/>
        <condense val="0"/>
        <extend val="0"/>
        <outline val="0"/>
        <shadow val="0"/>
        <u val="none"/>
        <vertAlign val="baseline"/>
        <sz val="11"/>
        <color rgb="FF000000"/>
        <name val="Aptos Narrow"/>
        <family val="2"/>
        <scheme val="minor"/>
      </font>
      <alignment horizontal="general" vertical="bottom" textRotation="0" wrapText="1" indent="0" justifyLastLine="0" shrinkToFit="0" readingOrder="0"/>
    </dxf>
    <dxf>
      <font>
        <b val="0"/>
        <i val="0"/>
        <strike val="0"/>
        <condense val="0"/>
        <extend val="0"/>
        <outline val="0"/>
        <shadow val="0"/>
        <u val="none"/>
        <vertAlign val="baseline"/>
        <sz val="11"/>
        <color rgb="FF000000"/>
        <name val="Aptos Narrow"/>
        <family val="2"/>
        <scheme val="minor"/>
      </font>
      <alignment horizontal="general" vertical="bottom" textRotation="0" wrapText="1" indent="0" justifyLastLine="0" shrinkToFit="0" readingOrder="0"/>
    </dxf>
    <dxf>
      <font>
        <b val="0"/>
        <i val="0"/>
        <strike val="0"/>
        <condense val="0"/>
        <extend val="0"/>
        <outline val="0"/>
        <shadow val="0"/>
        <u val="none"/>
        <vertAlign val="baseline"/>
        <sz val="11"/>
        <color rgb="FF000000"/>
        <name val="Aptos Narrow"/>
        <family val="2"/>
        <scheme val="minor"/>
      </font>
      <alignment horizontal="general" vertical="bottom" textRotation="0" wrapText="1" indent="0" justifyLastLine="0" shrinkToFit="0" readingOrder="0"/>
    </dxf>
    <dxf>
      <font>
        <b val="0"/>
        <i val="0"/>
        <strike val="0"/>
        <condense val="0"/>
        <extend val="0"/>
        <outline val="0"/>
        <shadow val="0"/>
        <u val="none"/>
        <vertAlign val="baseline"/>
        <sz val="11"/>
        <color rgb="FF000000"/>
        <name val="Aptos Narrow"/>
        <family val="2"/>
        <scheme val="minor"/>
      </font>
      <alignment horizontal="general" vertical="bottom" textRotation="0" wrapText="1" indent="0" justifyLastLine="0" shrinkToFit="0" readingOrder="0"/>
    </dxf>
    <dxf>
      <font>
        <b val="0"/>
        <i val="0"/>
        <strike val="0"/>
        <condense val="0"/>
        <extend val="0"/>
        <outline val="0"/>
        <shadow val="0"/>
        <u val="none"/>
        <vertAlign val="baseline"/>
        <sz val="11"/>
        <color rgb="FF000000"/>
        <name val="Aptos Narrow"/>
        <family val="2"/>
        <scheme val="minor"/>
      </font>
      <alignment horizontal="general" vertical="bottom" textRotation="0" wrapText="1" indent="0" justifyLastLine="0" shrinkToFit="0" readingOrder="0"/>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4.xml"/><Relationship Id="rId3" Type="http://schemas.openxmlformats.org/officeDocument/2006/relationships/styles" Target="styles.xml"/><Relationship Id="rId7" Type="http://schemas.openxmlformats.org/officeDocument/2006/relationships/customXml" Target="../customXml/item3.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 Id="rId9" Type="http://schemas.openxmlformats.org/officeDocument/2006/relationships/customXml" Target="../customXml/item5.xml"/></Relationship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34233652-71D7-4CA2-83B3-0F425D5FF39F}" name="Table2" displayName="Table2" ref="A1:C80" totalsRowShown="0" headerRowDxfId="4" dataDxfId="3">
  <autoFilter ref="A1:C80" xr:uid="{34233652-71D7-4CA2-83B3-0F425D5FF39F}"/>
  <tableColumns count="3">
    <tableColumn id="1" xr3:uid="{2880858E-DBEC-4906-8448-95D0A486810F}" name="Vraag Erasmus MC" dataDxfId="2"/>
    <tableColumn id="2" xr3:uid="{5C52D51B-7D3F-442E-ADF3-47A2E2ABCF99}" name="Vraag Leverancier" dataDxfId="1"/>
    <tableColumn id="3" xr3:uid="{46ED35DD-EBFE-4B2E-A0F0-284426921D30}" name="Reactie" dataDxfId="0"/>
  </tableColumns>
  <tableStyleInfo name="TableStyleMedium2" showFirstColumn="0" showLastColumn="0" showRowStripes="1" showColumnStripes="0"/>
</table>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2" Type="http://schemas.openxmlformats.org/officeDocument/2006/relationships/table" Target="../tables/table1.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J80"/>
  <sheetViews>
    <sheetView tabSelected="1" topLeftCell="A70" zoomScale="70" zoomScaleNormal="70" workbookViewId="0">
      <selection activeCell="J78" sqref="J78"/>
    </sheetView>
  </sheetViews>
  <sheetFormatPr defaultRowHeight="15" x14ac:dyDescent="0.25"/>
  <cols>
    <col min="1" max="3" width="80.42578125" style="1" customWidth="1"/>
  </cols>
  <sheetData>
    <row r="1" spans="1:10" x14ac:dyDescent="0.25">
      <c r="A1" s="2" t="s">
        <v>0</v>
      </c>
      <c r="B1" s="2" t="s">
        <v>1</v>
      </c>
      <c r="C1" s="2" t="s">
        <v>2</v>
      </c>
    </row>
    <row r="2" spans="1:10" ht="30" x14ac:dyDescent="0.25">
      <c r="A2" s="2" t="s">
        <v>3</v>
      </c>
      <c r="B2" s="2" t="s">
        <v>4</v>
      </c>
      <c r="C2" s="2" t="s">
        <v>5</v>
      </c>
    </row>
    <row r="3" spans="1:10" ht="45" x14ac:dyDescent="0.25">
      <c r="A3" s="2" t="s">
        <v>6</v>
      </c>
      <c r="B3" s="2" t="s">
        <v>7</v>
      </c>
      <c r="C3" s="2" t="s">
        <v>8</v>
      </c>
    </row>
    <row r="4" spans="1:10" ht="90" x14ac:dyDescent="0.25">
      <c r="A4" s="2" t="s">
        <v>9</v>
      </c>
      <c r="B4" s="2" t="s">
        <v>10</v>
      </c>
      <c r="C4" s="2" t="s">
        <v>11</v>
      </c>
    </row>
    <row r="5" spans="1:10" ht="123" customHeight="1" x14ac:dyDescent="0.25">
      <c r="A5" s="2" t="s">
        <v>12</v>
      </c>
      <c r="B5" s="2" t="s">
        <v>13</v>
      </c>
      <c r="C5" s="2" t="s">
        <v>14</v>
      </c>
    </row>
    <row r="6" spans="1:10" ht="30" x14ac:dyDescent="0.25">
      <c r="A6" s="2" t="s">
        <v>15</v>
      </c>
      <c r="B6" s="2" t="s">
        <v>16</v>
      </c>
      <c r="C6" s="2" t="s">
        <v>17</v>
      </c>
    </row>
    <row r="7" spans="1:10" ht="45" x14ac:dyDescent="0.25">
      <c r="A7" s="2" t="s">
        <v>18</v>
      </c>
      <c r="B7" s="2" t="s">
        <v>19</v>
      </c>
      <c r="C7" s="2" t="s">
        <v>20</v>
      </c>
    </row>
    <row r="8" spans="1:10" ht="45" x14ac:dyDescent="0.25">
      <c r="A8" s="2" t="s">
        <v>21</v>
      </c>
      <c r="B8" s="2" t="s">
        <v>22</v>
      </c>
      <c r="C8" s="2" t="s">
        <v>23</v>
      </c>
    </row>
    <row r="9" spans="1:10" ht="30" x14ac:dyDescent="0.25">
      <c r="A9" s="2" t="s">
        <v>24</v>
      </c>
      <c r="B9" s="2" t="s">
        <v>25</v>
      </c>
      <c r="C9" s="2" t="s">
        <v>26</v>
      </c>
    </row>
    <row r="10" spans="1:10" ht="45" x14ac:dyDescent="0.25">
      <c r="A10" s="2" t="s">
        <v>27</v>
      </c>
      <c r="B10" s="2" t="s">
        <v>28</v>
      </c>
      <c r="C10" s="2" t="s">
        <v>29</v>
      </c>
    </row>
    <row r="11" spans="1:10" ht="45" x14ac:dyDescent="0.25">
      <c r="A11" s="2" t="s">
        <v>30</v>
      </c>
      <c r="B11" s="2" t="s">
        <v>31</v>
      </c>
      <c r="C11" s="2" t="s">
        <v>26</v>
      </c>
    </row>
    <row r="12" spans="1:10" ht="45" x14ac:dyDescent="0.25">
      <c r="A12" s="2" t="s">
        <v>32</v>
      </c>
      <c r="B12" s="2" t="s">
        <v>33</v>
      </c>
      <c r="C12" s="2" t="s">
        <v>34</v>
      </c>
    </row>
    <row r="13" spans="1:10" ht="45" x14ac:dyDescent="0.25">
      <c r="A13" s="2" t="s">
        <v>35</v>
      </c>
      <c r="B13" s="2" t="s">
        <v>36</v>
      </c>
      <c r="C13" s="2" t="s">
        <v>37</v>
      </c>
      <c r="J13" s="3"/>
    </row>
    <row r="14" spans="1:10" ht="45" x14ac:dyDescent="0.25">
      <c r="A14" s="2" t="s">
        <v>38</v>
      </c>
      <c r="B14" s="2" t="s">
        <v>39</v>
      </c>
      <c r="C14" s="2" t="s">
        <v>40</v>
      </c>
      <c r="F14" s="3"/>
      <c r="J14" s="3"/>
    </row>
    <row r="15" spans="1:10" ht="30" x14ac:dyDescent="0.25">
      <c r="A15" s="2" t="s">
        <v>38</v>
      </c>
      <c r="B15" s="2" t="s">
        <v>41</v>
      </c>
      <c r="C15" s="2" t="s">
        <v>42</v>
      </c>
      <c r="F15" s="3"/>
      <c r="J15" s="3"/>
    </row>
    <row r="16" spans="1:10" ht="30" x14ac:dyDescent="0.25">
      <c r="A16" s="2" t="s">
        <v>38</v>
      </c>
      <c r="B16" s="2" t="s">
        <v>43</v>
      </c>
      <c r="C16" s="2" t="s">
        <v>45</v>
      </c>
    </row>
    <row r="17" spans="1:3" ht="30" x14ac:dyDescent="0.25">
      <c r="A17" s="2" t="s">
        <v>38</v>
      </c>
      <c r="B17" s="2" t="s">
        <v>44</v>
      </c>
      <c r="C17" s="2" t="s">
        <v>46</v>
      </c>
    </row>
    <row r="18" spans="1:3" ht="45" x14ac:dyDescent="0.25">
      <c r="A18" s="2" t="s">
        <v>47</v>
      </c>
      <c r="B18" s="2" t="s">
        <v>48</v>
      </c>
      <c r="C18" s="4" t="s">
        <v>206</v>
      </c>
    </row>
    <row r="19" spans="1:3" ht="60" x14ac:dyDescent="0.25">
      <c r="A19" s="2" t="s">
        <v>47</v>
      </c>
      <c r="B19" s="2" t="s">
        <v>49</v>
      </c>
      <c r="C19" s="4" t="s">
        <v>207</v>
      </c>
    </row>
    <row r="20" spans="1:3" ht="30" x14ac:dyDescent="0.25">
      <c r="A20" s="2" t="s">
        <v>47</v>
      </c>
      <c r="B20" s="2" t="s">
        <v>50</v>
      </c>
      <c r="C20" s="4" t="s">
        <v>208</v>
      </c>
    </row>
    <row r="21" spans="1:3" ht="75" x14ac:dyDescent="0.25">
      <c r="A21" s="2" t="s">
        <v>52</v>
      </c>
      <c r="B21" s="2" t="s">
        <v>51</v>
      </c>
      <c r="C21" s="2" t="s">
        <v>62</v>
      </c>
    </row>
    <row r="22" spans="1:3" ht="45" x14ac:dyDescent="0.25">
      <c r="A22" s="2" t="s">
        <v>54</v>
      </c>
      <c r="B22" s="2" t="s">
        <v>53</v>
      </c>
      <c r="C22" s="2" t="s">
        <v>63</v>
      </c>
    </row>
    <row r="23" spans="1:3" ht="105" x14ac:dyDescent="0.25">
      <c r="A23" s="2" t="s">
        <v>55</v>
      </c>
      <c r="B23" s="2" t="s">
        <v>51</v>
      </c>
      <c r="C23" s="2" t="s">
        <v>14</v>
      </c>
    </row>
    <row r="24" spans="1:3" ht="75" x14ac:dyDescent="0.25">
      <c r="A24" s="2" t="s">
        <v>57</v>
      </c>
      <c r="B24" s="2" t="s">
        <v>56</v>
      </c>
      <c r="C24" s="2" t="s">
        <v>64</v>
      </c>
    </row>
    <row r="25" spans="1:3" ht="45" x14ac:dyDescent="0.25">
      <c r="A25" s="2" t="s">
        <v>59</v>
      </c>
      <c r="B25" s="2" t="s">
        <v>58</v>
      </c>
      <c r="C25" s="2" t="s">
        <v>65</v>
      </c>
    </row>
    <row r="26" spans="1:3" ht="45" x14ac:dyDescent="0.25">
      <c r="A26" s="2" t="s">
        <v>61</v>
      </c>
      <c r="B26" s="2" t="s">
        <v>60</v>
      </c>
      <c r="C26" s="2" t="s">
        <v>66</v>
      </c>
    </row>
    <row r="27" spans="1:3" ht="30" x14ac:dyDescent="0.25">
      <c r="A27" s="2" t="s">
        <v>68</v>
      </c>
      <c r="B27" s="2" t="s">
        <v>67</v>
      </c>
      <c r="C27" s="2" t="s">
        <v>71</v>
      </c>
    </row>
    <row r="28" spans="1:3" ht="45" x14ac:dyDescent="0.25">
      <c r="A28" s="2" t="s">
        <v>70</v>
      </c>
      <c r="B28" s="2" t="s">
        <v>69</v>
      </c>
      <c r="C28" s="2" t="s">
        <v>72</v>
      </c>
    </row>
    <row r="29" spans="1:3" x14ac:dyDescent="0.25">
      <c r="A29" s="2" t="s">
        <v>74</v>
      </c>
      <c r="B29" s="2" t="s">
        <v>73</v>
      </c>
      <c r="C29" s="2" t="s">
        <v>75</v>
      </c>
    </row>
    <row r="30" spans="1:3" ht="135" x14ac:dyDescent="0.25">
      <c r="A30" s="2" t="s">
        <v>77</v>
      </c>
      <c r="B30" s="2" t="s">
        <v>76</v>
      </c>
      <c r="C30" s="2" t="s">
        <v>78</v>
      </c>
    </row>
    <row r="31" spans="1:3" ht="60" x14ac:dyDescent="0.25">
      <c r="A31" s="2" t="s">
        <v>81</v>
      </c>
      <c r="B31" s="2" t="s">
        <v>79</v>
      </c>
      <c r="C31" s="2" t="s">
        <v>80</v>
      </c>
    </row>
    <row r="32" spans="1:3" ht="45" x14ac:dyDescent="0.25">
      <c r="A32" s="2" t="s">
        <v>82</v>
      </c>
      <c r="B32" s="2" t="s">
        <v>83</v>
      </c>
      <c r="C32" s="2" t="s">
        <v>84</v>
      </c>
    </row>
    <row r="33" spans="1:3" ht="75" x14ac:dyDescent="0.25">
      <c r="A33" s="2" t="s">
        <v>85</v>
      </c>
      <c r="B33" s="2" t="s">
        <v>86</v>
      </c>
      <c r="C33" s="2" t="s">
        <v>87</v>
      </c>
    </row>
    <row r="34" spans="1:3" ht="45" x14ac:dyDescent="0.25">
      <c r="A34" s="2" t="s">
        <v>88</v>
      </c>
      <c r="B34" s="2" t="s">
        <v>89</v>
      </c>
      <c r="C34" s="2" t="s">
        <v>90</v>
      </c>
    </row>
    <row r="35" spans="1:3" ht="30" x14ac:dyDescent="0.25">
      <c r="A35" s="2" t="s">
        <v>91</v>
      </c>
      <c r="B35" s="2" t="s">
        <v>92</v>
      </c>
      <c r="C35" s="2" t="s">
        <v>93</v>
      </c>
    </row>
    <row r="36" spans="1:3" ht="45" x14ac:dyDescent="0.25">
      <c r="A36" s="2" t="s">
        <v>94</v>
      </c>
      <c r="B36" s="2" t="s">
        <v>95</v>
      </c>
      <c r="C36" s="2" t="s">
        <v>96</v>
      </c>
    </row>
    <row r="37" spans="1:3" ht="30" x14ac:dyDescent="0.25">
      <c r="A37" s="2" t="s">
        <v>97</v>
      </c>
      <c r="B37" s="2" t="s">
        <v>98</v>
      </c>
      <c r="C37" s="2" t="s">
        <v>99</v>
      </c>
    </row>
    <row r="38" spans="1:3" ht="45" x14ac:dyDescent="0.25">
      <c r="A38" s="2" t="s">
        <v>100</v>
      </c>
      <c r="B38" s="2" t="s">
        <v>101</v>
      </c>
      <c r="C38" s="2" t="s">
        <v>102</v>
      </c>
    </row>
    <row r="39" spans="1:3" ht="45" x14ac:dyDescent="0.25">
      <c r="A39" s="2" t="s">
        <v>103</v>
      </c>
      <c r="B39" s="2" t="s">
        <v>104</v>
      </c>
      <c r="C39" s="2" t="s">
        <v>105</v>
      </c>
    </row>
    <row r="40" spans="1:3" ht="45" x14ac:dyDescent="0.25">
      <c r="A40" s="2" t="s">
        <v>106</v>
      </c>
      <c r="B40" s="2" t="s">
        <v>107</v>
      </c>
      <c r="C40" s="2" t="s">
        <v>63</v>
      </c>
    </row>
    <row r="41" spans="1:3" ht="75" x14ac:dyDescent="0.25">
      <c r="A41" s="2" t="s">
        <v>108</v>
      </c>
      <c r="B41" s="2" t="s">
        <v>109</v>
      </c>
      <c r="C41" s="2" t="s">
        <v>110</v>
      </c>
    </row>
    <row r="42" spans="1:3" ht="75" x14ac:dyDescent="0.25">
      <c r="A42" s="2" t="s">
        <v>111</v>
      </c>
      <c r="B42" s="2" t="s">
        <v>112</v>
      </c>
      <c r="C42" s="2" t="s">
        <v>113</v>
      </c>
    </row>
    <row r="43" spans="1:3" ht="60" x14ac:dyDescent="0.25">
      <c r="A43" s="2" t="s">
        <v>114</v>
      </c>
      <c r="B43" s="2" t="s">
        <v>115</v>
      </c>
      <c r="C43" s="2" t="s">
        <v>116</v>
      </c>
    </row>
    <row r="44" spans="1:3" ht="45" x14ac:dyDescent="0.25">
      <c r="A44" s="2" t="s">
        <v>117</v>
      </c>
      <c r="B44" s="2" t="s">
        <v>118</v>
      </c>
      <c r="C44" s="2" t="s">
        <v>90</v>
      </c>
    </row>
    <row r="45" spans="1:3" ht="45" x14ac:dyDescent="0.25">
      <c r="A45" s="2" t="s">
        <v>119</v>
      </c>
      <c r="B45" s="2" t="s">
        <v>120</v>
      </c>
      <c r="C45" s="2" t="s">
        <v>65</v>
      </c>
    </row>
    <row r="46" spans="1:3" ht="45" x14ac:dyDescent="0.25">
      <c r="A46" s="2" t="s">
        <v>121</v>
      </c>
      <c r="B46" s="2" t="s">
        <v>122</v>
      </c>
      <c r="C46" s="2" t="s">
        <v>123</v>
      </c>
    </row>
    <row r="47" spans="1:3" ht="45" x14ac:dyDescent="0.25">
      <c r="A47" s="2" t="s">
        <v>124</v>
      </c>
      <c r="B47" s="2" t="s">
        <v>125</v>
      </c>
      <c r="C47" s="2" t="s">
        <v>126</v>
      </c>
    </row>
    <row r="48" spans="1:3" ht="45" x14ac:dyDescent="0.25">
      <c r="A48" s="2" t="s">
        <v>127</v>
      </c>
      <c r="B48" s="2" t="s">
        <v>128</v>
      </c>
      <c r="C48" s="2" t="s">
        <v>90</v>
      </c>
    </row>
    <row r="49" spans="1:3" ht="45" x14ac:dyDescent="0.25">
      <c r="A49" s="2" t="s">
        <v>129</v>
      </c>
      <c r="B49" s="2" t="s">
        <v>130</v>
      </c>
      <c r="C49" s="2" t="s">
        <v>131</v>
      </c>
    </row>
    <row r="50" spans="1:3" ht="45" x14ac:dyDescent="0.25">
      <c r="A50" s="2" t="s">
        <v>132</v>
      </c>
      <c r="B50" s="2" t="s">
        <v>133</v>
      </c>
      <c r="C50" s="2" t="s">
        <v>29</v>
      </c>
    </row>
    <row r="51" spans="1:3" ht="90" x14ac:dyDescent="0.25">
      <c r="A51" s="2" t="s">
        <v>134</v>
      </c>
      <c r="B51" s="2" t="s">
        <v>135</v>
      </c>
      <c r="C51" s="2" t="s">
        <v>136</v>
      </c>
    </row>
    <row r="52" spans="1:3" ht="60" x14ac:dyDescent="0.25">
      <c r="A52" s="2" t="s">
        <v>137</v>
      </c>
      <c r="B52" s="2" t="s">
        <v>138</v>
      </c>
      <c r="C52" s="2" t="s">
        <v>139</v>
      </c>
    </row>
    <row r="53" spans="1:3" ht="60" x14ac:dyDescent="0.25">
      <c r="A53" s="2" t="s">
        <v>140</v>
      </c>
      <c r="B53" s="2" t="s">
        <v>141</v>
      </c>
      <c r="C53" s="2" t="s">
        <v>142</v>
      </c>
    </row>
    <row r="54" spans="1:3" ht="60" x14ac:dyDescent="0.25">
      <c r="A54" s="2" t="s">
        <v>143</v>
      </c>
      <c r="B54" s="2" t="s">
        <v>144</v>
      </c>
      <c r="C54" s="2" t="s">
        <v>145</v>
      </c>
    </row>
    <row r="55" spans="1:3" ht="75" x14ac:dyDescent="0.25">
      <c r="A55" s="2" t="s">
        <v>146</v>
      </c>
      <c r="B55" s="2" t="s">
        <v>147</v>
      </c>
      <c r="C55" s="2" t="s">
        <v>148</v>
      </c>
    </row>
    <row r="56" spans="1:3" ht="60" x14ac:dyDescent="0.25">
      <c r="A56" s="2" t="s">
        <v>149</v>
      </c>
      <c r="B56" s="2" t="s">
        <v>150</v>
      </c>
      <c r="C56" s="2" t="s">
        <v>151</v>
      </c>
    </row>
    <row r="57" spans="1:3" ht="30" x14ac:dyDescent="0.25">
      <c r="A57" s="2" t="s">
        <v>152</v>
      </c>
      <c r="B57" s="2" t="s">
        <v>153</v>
      </c>
      <c r="C57" s="2" t="s">
        <v>154</v>
      </c>
    </row>
    <row r="58" spans="1:3" ht="30" x14ac:dyDescent="0.25">
      <c r="A58" s="2" t="s">
        <v>155</v>
      </c>
      <c r="B58" s="2" t="s">
        <v>156</v>
      </c>
      <c r="C58" s="2" t="s">
        <v>157</v>
      </c>
    </row>
    <row r="59" spans="1:3" ht="30" x14ac:dyDescent="0.25">
      <c r="A59" s="2" t="s">
        <v>158</v>
      </c>
      <c r="B59" s="2" t="s">
        <v>159</v>
      </c>
      <c r="C59" s="2" t="s">
        <v>160</v>
      </c>
    </row>
    <row r="60" spans="1:3" ht="45" x14ac:dyDescent="0.25">
      <c r="A60" s="2" t="s">
        <v>161</v>
      </c>
      <c r="B60" s="2" t="s">
        <v>159</v>
      </c>
      <c r="C60" s="2" t="s">
        <v>162</v>
      </c>
    </row>
    <row r="61" spans="1:3" ht="30" x14ac:dyDescent="0.25">
      <c r="A61" s="2" t="s">
        <v>163</v>
      </c>
      <c r="B61" s="2" t="s">
        <v>164</v>
      </c>
      <c r="C61" s="2" t="s">
        <v>165</v>
      </c>
    </row>
    <row r="62" spans="1:3" ht="75" x14ac:dyDescent="0.25">
      <c r="A62" s="2" t="s">
        <v>166</v>
      </c>
      <c r="B62" s="2" t="s">
        <v>167</v>
      </c>
      <c r="C62" s="2" t="s">
        <v>168</v>
      </c>
    </row>
    <row r="63" spans="1:3" ht="45" x14ac:dyDescent="0.25">
      <c r="A63" s="2" t="s">
        <v>169</v>
      </c>
      <c r="B63" s="2" t="s">
        <v>170</v>
      </c>
      <c r="C63" s="2" t="s">
        <v>171</v>
      </c>
    </row>
    <row r="64" spans="1:3" ht="30" x14ac:dyDescent="0.25">
      <c r="A64" s="2" t="s">
        <v>172</v>
      </c>
      <c r="B64" s="2" t="s">
        <v>173</v>
      </c>
      <c r="C64" s="2" t="s">
        <v>90</v>
      </c>
    </row>
    <row r="65" spans="1:3" ht="30" x14ac:dyDescent="0.25">
      <c r="A65" s="2" t="s">
        <v>174</v>
      </c>
      <c r="B65" s="2" t="s">
        <v>175</v>
      </c>
      <c r="C65" s="2" t="s">
        <v>176</v>
      </c>
    </row>
    <row r="66" spans="1:3" ht="30" x14ac:dyDescent="0.25">
      <c r="A66" s="2" t="s">
        <v>174</v>
      </c>
      <c r="B66" s="2" t="s">
        <v>177</v>
      </c>
      <c r="C66" s="2" t="s">
        <v>178</v>
      </c>
    </row>
    <row r="67" spans="1:3" ht="75" x14ac:dyDescent="0.25">
      <c r="A67" s="2" t="s">
        <v>9</v>
      </c>
      <c r="B67" s="2" t="s">
        <v>179</v>
      </c>
      <c r="C67" s="2" t="s">
        <v>62</v>
      </c>
    </row>
    <row r="68" spans="1:3" ht="105" x14ac:dyDescent="0.25">
      <c r="A68" s="2" t="s">
        <v>12</v>
      </c>
      <c r="B68" s="2" t="s">
        <v>180</v>
      </c>
      <c r="C68" s="2" t="s">
        <v>14</v>
      </c>
    </row>
    <row r="69" spans="1:3" ht="45" x14ac:dyDescent="0.25">
      <c r="A69" s="2" t="s">
        <v>18</v>
      </c>
      <c r="B69" s="2" t="s">
        <v>181</v>
      </c>
      <c r="C69" s="2" t="s">
        <v>65</v>
      </c>
    </row>
    <row r="70" spans="1:3" ht="45" x14ac:dyDescent="0.25">
      <c r="A70" s="2" t="s">
        <v>121</v>
      </c>
      <c r="B70" s="2" t="s">
        <v>182</v>
      </c>
      <c r="C70" s="2" t="s">
        <v>183</v>
      </c>
    </row>
    <row r="71" spans="1:3" ht="30" x14ac:dyDescent="0.25">
      <c r="A71" s="2" t="s">
        <v>184</v>
      </c>
      <c r="B71" s="2" t="s">
        <v>185</v>
      </c>
      <c r="C71" s="2" t="s">
        <v>186</v>
      </c>
    </row>
    <row r="72" spans="1:3" ht="45" x14ac:dyDescent="0.25">
      <c r="A72" s="2" t="s">
        <v>103</v>
      </c>
      <c r="B72" s="2" t="s">
        <v>187</v>
      </c>
      <c r="C72" s="2" t="s">
        <v>188</v>
      </c>
    </row>
    <row r="73" spans="1:3" ht="75" x14ac:dyDescent="0.25">
      <c r="A73" s="2" t="s">
        <v>189</v>
      </c>
      <c r="B73" s="2" t="s">
        <v>190</v>
      </c>
      <c r="C73" s="2" t="s">
        <v>62</v>
      </c>
    </row>
    <row r="74" spans="1:3" ht="75" x14ac:dyDescent="0.25">
      <c r="A74" s="2" t="s">
        <v>111</v>
      </c>
      <c r="B74" s="2" t="s">
        <v>191</v>
      </c>
      <c r="C74" s="2" t="s">
        <v>113</v>
      </c>
    </row>
    <row r="75" spans="1:3" ht="30" x14ac:dyDescent="0.25">
      <c r="A75" s="2" t="s">
        <v>192</v>
      </c>
      <c r="B75" s="2" t="s">
        <v>193</v>
      </c>
      <c r="C75" s="2" t="s">
        <v>194</v>
      </c>
    </row>
    <row r="76" spans="1:3" ht="45" x14ac:dyDescent="0.25">
      <c r="A76" s="2" t="s">
        <v>121</v>
      </c>
      <c r="B76" s="2" t="s">
        <v>195</v>
      </c>
      <c r="C76" s="2" t="s">
        <v>183</v>
      </c>
    </row>
    <row r="77" spans="1:3" ht="30" x14ac:dyDescent="0.25">
      <c r="A77" s="2" t="s">
        <v>129</v>
      </c>
      <c r="B77" s="2" t="s">
        <v>196</v>
      </c>
      <c r="C77" s="2" t="s">
        <v>197</v>
      </c>
    </row>
    <row r="78" spans="1:3" ht="60" x14ac:dyDescent="0.25">
      <c r="A78" s="2" t="s">
        <v>198</v>
      </c>
      <c r="B78" s="2" t="s">
        <v>199</v>
      </c>
      <c r="C78" s="2" t="s">
        <v>151</v>
      </c>
    </row>
    <row r="79" spans="1:3" ht="30" x14ac:dyDescent="0.25">
      <c r="A79" s="2" t="s">
        <v>200</v>
      </c>
      <c r="B79" s="2" t="s">
        <v>201</v>
      </c>
      <c r="C79" s="2" t="s">
        <v>202</v>
      </c>
    </row>
    <row r="80" spans="1:3" ht="45" x14ac:dyDescent="0.25">
      <c r="A80" s="2" t="s">
        <v>203</v>
      </c>
      <c r="B80" s="2" t="s">
        <v>204</v>
      </c>
      <c r="C80" s="2" t="s">
        <v>205</v>
      </c>
    </row>
  </sheetData>
  <pageMargins left="0.7" right="0.7" top="0.75" bottom="0.75" header="0.3" footer="0.3"/>
  <pageSetup orientation="portrait" r:id="rId1"/>
  <tableParts count="1">
    <tablePart r:id="rId2"/>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dcec84f3-a0df-42e2-b6b7-594119830db9" xsi:nil="true"/>
    <lcf76f155ced4ddcb4097134ff3c332f xmlns="4733e8b6-d48a-4396-b2c0-51ca8f637bff">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72DDB14FDEC0BD45977414EF5C8A6678" ma:contentTypeVersion="11" ma:contentTypeDescription="Create a new document." ma:contentTypeScope="" ma:versionID="f1020d51854e157380d21ce1825f4a88">
  <xsd:schema xmlns:xsd="http://www.w3.org/2001/XMLSchema" xmlns:xs="http://www.w3.org/2001/XMLSchema" xmlns:p="http://schemas.microsoft.com/office/2006/metadata/properties" xmlns:ns2="4733e8b6-d48a-4396-b2c0-51ca8f637bff" xmlns:ns3="dcec84f3-a0df-42e2-b6b7-594119830db9" targetNamespace="http://schemas.microsoft.com/office/2006/metadata/properties" ma:root="true" ma:fieldsID="54186b706d3554abdbd6e4f1581b1154" ns2:_="" ns3:_="">
    <xsd:import namespace="4733e8b6-d48a-4396-b2c0-51ca8f637bff"/>
    <xsd:import namespace="dcec84f3-a0df-42e2-b6b7-594119830db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33e8b6-d48a-4396-b2c0-51ca8f637bf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e63458cd-ce2d-47d3-a8fb-aba961f6e937"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cec84f3-a0df-42e2-b6b7-594119830db9" elementFormDefault="qualified">
    <xsd:import namespace="http://schemas.microsoft.com/office/2006/documentManagement/types"/>
    <xsd:import namespace="http://schemas.microsoft.com/office/infopath/2007/PartnerControls"/>
    <xsd:element name="TaxCatchAll" ma:index="17" nillable="true" ma:displayName="Taxonomy Catch All Column" ma:hidden="true" ma:list="{ff9d8fb1-a4f6-4f97-8d90-7e3537f2d390}" ma:internalName="TaxCatchAll" ma:showField="CatchAllData" ma:web="dcec84f3-a0df-42e2-b6b7-594119830db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57BDFBEA-AC99-494E-B4AC-B406D5E20D32}">
  <ds:schemaRefs/>
</ds:datastoreItem>
</file>

<file path=customXml/itemProps2.xml><?xml version="1.0" encoding="utf-8"?>
<ds:datastoreItem xmlns:ds="http://schemas.openxmlformats.org/officeDocument/2006/customXml" ds:itemID="{F619BCC0-D397-48CD-B572-4C3C925C8325}">
  <ds:schemaRefs>
    <ds:schemaRef ds:uri="http://schemas.microsoft.com/office/2006/metadata/properties"/>
    <ds:schemaRef ds:uri="http://schemas.microsoft.com/office/infopath/2007/PartnerControls"/>
    <ds:schemaRef ds:uri="dcec84f3-a0df-42e2-b6b7-594119830db9"/>
    <ds:schemaRef ds:uri="4733e8b6-d48a-4396-b2c0-51ca8f637bff"/>
  </ds:schemaRefs>
</ds:datastoreItem>
</file>

<file path=customXml/itemProps3.xml><?xml version="1.0" encoding="utf-8"?>
<ds:datastoreItem xmlns:ds="http://schemas.openxmlformats.org/officeDocument/2006/customXml" ds:itemID="{423515F5-A76A-4A5C-8AB8-BD9F063BF6A6}">
  <ds:schemaRefs>
    <ds:schemaRef ds:uri="http://schemas.microsoft.com/sharepoint/v3/contenttype/forms"/>
  </ds:schemaRefs>
</ds:datastoreItem>
</file>

<file path=customXml/itemProps4.xml><?xml version="1.0" encoding="utf-8"?>
<ds:datastoreItem xmlns:ds="http://schemas.openxmlformats.org/officeDocument/2006/customXml" ds:itemID="{0F46B50A-0B4B-4D89-898E-BC0B31DF70F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33e8b6-d48a-4396-b2c0-51ca8f637bff"/>
    <ds:schemaRef ds:uri="dcec84f3-a0df-42e2-b6b7-594119830db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AA36A76-3B54-468A-BBF8-2CAC56C26734}">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2" baseType="variant">
      <vt:variant>
        <vt:lpstr>Worksheets</vt:lpstr>
      </vt:variant>
      <vt:variant>
        <vt:i4>1</vt:i4>
      </vt:variant>
    </vt:vector>
  </HeadingPairs>
  <TitlesOfParts>
    <vt:vector size="1" baseType="lpstr">
      <vt:lpstr>Sheet1</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6-01-20T15:50:04Z</dcterms:created>
  <dcterms:modified xsi:type="dcterms:W3CDTF">2026-01-21T14:24:1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970965601778925958</vt:lpwstr>
  </property>
  <property fmtid="{D5CDD505-2E9C-101B-9397-08002B2CF9AE}" pid="4" name="TemplafyUserProfileId">
    <vt:lpwstr>637729174182090366</vt:lpwstr>
  </property>
  <property fmtid="{D5CDD505-2E9C-101B-9397-08002B2CF9AE}" pid="5" name="TemplafyFromBlank">
    <vt:bool>true</vt:bool>
  </property>
  <property fmtid="{D5CDD505-2E9C-101B-9397-08002B2CF9AE}" pid="6" name="ContentTypeId">
    <vt:lpwstr>0x01010072DDB14FDEC0BD45977414EF5C8A6678</vt:lpwstr>
  </property>
</Properties>
</file>